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94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492\Downloads\city-kami-kochi-pdf\file\"/>
    </mc:Choice>
  </mc:AlternateContent>
  <xr:revisionPtr revIDLastSave="0" documentId="8_{92E392B8-238D-4C90-AB48-B86B79F0F662}" xr6:coauthVersionLast="36" xr6:coauthVersionMax="36" xr10:uidLastSave="{00000000-0000-0000-0000-000000000000}"/>
  <bookViews>
    <workbookView xWindow="0" yWindow="0" windowWidth="14970" windowHeight="9405" xr2:uid="{5172DD29-5180-4797-B081-4CD398C49353}"/>
  </bookViews>
  <sheets>
    <sheet name="pdf-file-list" sheetId="2" r:id="rId1"/>
  </sheets>
  <externalReferences>
    <externalReference r:id="rId2"/>
    <externalReference r:id="rId3"/>
  </externalReferences>
  <definedNames>
    <definedName name="DaichouTemplateKotei">[1]台帳テンプレート!#REF!</definedName>
    <definedName name="DataID">[2]設定情報!$C$24</definedName>
    <definedName name="DataShubetu1">[2]設定情報!$C$25</definedName>
    <definedName name="DataShubetu2">[2]設定情報!$C$26</definedName>
    <definedName name="DataShubetu3">[2]設定情報!$C$27</definedName>
    <definedName name="FileOutputRowCount">[2]設定情報!$C$38</definedName>
    <definedName name="FileOutputRowCount_default">[2]設定情報!$H$5</definedName>
    <definedName name="FileOutputRowCount_setting">[2]設定情報!$D$5</definedName>
    <definedName name="IsDisplayFileItem">[2]設定情報!$C$17</definedName>
    <definedName name="IsDisplayFileKanren">[2]設定情報!$C$19</definedName>
    <definedName name="IsDisplayFileKihon">[2]設定情報!$C$15</definedName>
    <definedName name="IsDisplayID">[2]設定情報!$D$1</definedName>
    <definedName name="IsDisplayItem">[2]設定情報!$C$34</definedName>
    <definedName name="IsDisplayJimuItem">[2]設定情報!$C$16</definedName>
    <definedName name="IsDisplayJimuKanren">[2]設定情報!$C$18</definedName>
    <definedName name="IsDisplayJimuKihon">[2]設定情報!$C$14</definedName>
    <definedName name="IsDisplayKanren">[2]設定情報!$C$35</definedName>
    <definedName name="IsDisplayKihon">[2]設定情報!$C$33</definedName>
    <definedName name="IsJimu">[2]設定情報!$C$31</definedName>
    <definedName name="IsTourokubo">[2]設定情報!$C$32</definedName>
    <definedName name="ItemCount_max">[2]設定情報!$C$51</definedName>
    <definedName name="ItemOutputRow_end">[2]設定情報!$C$46</definedName>
    <definedName name="ItemOutputRow_start">[2]設定情報!$C$45</definedName>
    <definedName name="JimuOutputRowCount">[2]設定情報!$C$37</definedName>
    <definedName name="JimuOutputRowCount_default">[2]設定情報!$H$4</definedName>
    <definedName name="JimuOutputRowCount_setting">[2]設定情報!$D$4</definedName>
    <definedName name="KanrenCount_max">[2]設定情報!$C$52</definedName>
    <definedName name="KanrenOutputRow_start">[2]設定情報!$C$48</definedName>
    <definedName name="KihonOutputRow_end">[2]設定情報!$C$43</definedName>
    <definedName name="OutputRowCount">[2]設定情報!$C$39</definedName>
    <definedName name="Title1">[2]設定情報!$C$28</definedName>
    <definedName name="Title2">[2]設定情報!$C$29</definedName>
    <definedName name="Title3">[2]設定情報!$C$30</definedName>
    <definedName name="TitleFileChousa">[2]設定情報!$C$3</definedName>
    <definedName name="TitleFileTourokubo">[2]設定情報!$C$5</definedName>
    <definedName name="TitleJimuChousa">[2]設定情報!$C$2</definedName>
    <definedName name="TitleJimuTourokubo">[2]設定情報!$C$4</definedName>
  </definedName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7" uniqueCount="220">
  <si>
    <t>No</t>
  </si>
  <si>
    <t>PDFファイル名</t>
  </si>
  <si>
    <t>管理番号</t>
  </si>
  <si>
    <t>名称</t>
  </si>
  <si>
    <t>部</t>
  </si>
  <si>
    <t>課</t>
  </si>
  <si>
    <t>係</t>
  </si>
  <si>
    <t>3.pdf</t>
  </si>
  <si>
    <t>自衛官募集ファイル</t>
  </si>
  <si>
    <t>市長部局</t>
  </si>
  <si>
    <t>総務課</t>
  </si>
  <si>
    <t>共通</t>
  </si>
  <si>
    <t>4.pdf</t>
  </si>
  <si>
    <t>所得税納付等ファイル</t>
  </si>
  <si>
    <t>7.pdf</t>
  </si>
  <si>
    <t>特別定額給付金ファイル</t>
  </si>
  <si>
    <t>37.pdf</t>
  </si>
  <si>
    <t>交通安全ファイル</t>
  </si>
  <si>
    <t>防災対策課</t>
  </si>
  <si>
    <t>38.pdf</t>
  </si>
  <si>
    <t>災害対策ファイル</t>
  </si>
  <si>
    <t>39.pdf</t>
  </si>
  <si>
    <t>地震対策ファイル</t>
  </si>
  <si>
    <t>42.pdf</t>
  </si>
  <si>
    <t>防災行政無線ファイル</t>
  </si>
  <si>
    <t>45.pdf</t>
  </si>
  <si>
    <t>自治会長ファイル</t>
  </si>
  <si>
    <t>定住推進課</t>
  </si>
  <si>
    <t>まちづくり班</t>
  </si>
  <si>
    <t>46.pdf</t>
  </si>
  <si>
    <t>ふるさと納税ファイル</t>
  </si>
  <si>
    <t>47.pdf</t>
  </si>
  <si>
    <t>交通輸送対策ファイル</t>
  </si>
  <si>
    <t>53.pdf</t>
  </si>
  <si>
    <t>個人市県民税賦課ファイル</t>
  </si>
  <si>
    <t>税務収納課</t>
  </si>
  <si>
    <t>市民税班</t>
  </si>
  <si>
    <t>54.pdf</t>
  </si>
  <si>
    <t>軽自動車税課税ファイル</t>
  </si>
  <si>
    <t>56.pdf</t>
  </si>
  <si>
    <t>土地評価ファイル</t>
  </si>
  <si>
    <t>固定資産税班</t>
  </si>
  <si>
    <t>57.pdf</t>
  </si>
  <si>
    <t>家屋評価ファイル</t>
  </si>
  <si>
    <t>58.pdf</t>
  </si>
  <si>
    <t>償却資産把握ファイル</t>
  </si>
  <si>
    <t>59.pdf</t>
  </si>
  <si>
    <t>固定資産税台帳･賦課・証明発行ファイル</t>
  </si>
  <si>
    <t>61.pdf</t>
  </si>
  <si>
    <t>市税徴収ファイル</t>
  </si>
  <si>
    <t>収納班</t>
  </si>
  <si>
    <t>62.pdf</t>
  </si>
  <si>
    <t>国民健康保険税徴収ファイル</t>
  </si>
  <si>
    <t>63.pdf</t>
  </si>
  <si>
    <t>介護保険料徴収ファイル</t>
  </si>
  <si>
    <t>66.pdf</t>
  </si>
  <si>
    <t>給食費徴収ファイル</t>
  </si>
  <si>
    <t>70.pdf</t>
  </si>
  <si>
    <t>戸籍及び戸籍附票ファイル</t>
  </si>
  <si>
    <t>市民保険課</t>
  </si>
  <si>
    <t>市民班</t>
  </si>
  <si>
    <t>71.pdf</t>
  </si>
  <si>
    <t>住民基本台帳ファイル</t>
  </si>
  <si>
    <t>72.pdf</t>
  </si>
  <si>
    <t>印鑑登録ファイル</t>
  </si>
  <si>
    <t>74.pdf</t>
  </si>
  <si>
    <t>外国人登録ファイル</t>
  </si>
  <si>
    <t>75.pdf</t>
  </si>
  <si>
    <t>埋火葬許可ファイル</t>
  </si>
  <si>
    <t>76.pdf</t>
  </si>
  <si>
    <t>マイナンバー制度ファイル</t>
  </si>
  <si>
    <t>77.pdf</t>
  </si>
  <si>
    <t>国民健康保険ファイル</t>
  </si>
  <si>
    <t>保険班</t>
  </si>
  <si>
    <t>79.pdf</t>
  </si>
  <si>
    <t>福祉医療ファイル</t>
  </si>
  <si>
    <t>80.pdf</t>
  </si>
  <si>
    <t>国民年金ファイル</t>
  </si>
  <si>
    <t>81.pdf</t>
  </si>
  <si>
    <t>後期高齢者医療ファイル</t>
  </si>
  <si>
    <t>82.pdf</t>
  </si>
  <si>
    <t>母子保健ファイル</t>
  </si>
  <si>
    <t>健康推進課</t>
  </si>
  <si>
    <t>親子すこやか班</t>
  </si>
  <si>
    <t>83.pdf</t>
  </si>
  <si>
    <t>予防接種ファイル</t>
  </si>
  <si>
    <t>84.pdf</t>
  </si>
  <si>
    <t>老成人保健ファイル</t>
  </si>
  <si>
    <t>健康づくり班</t>
  </si>
  <si>
    <t>86.pdf</t>
  </si>
  <si>
    <t>各種健診業務ファイル</t>
  </si>
  <si>
    <t>87.pdf</t>
  </si>
  <si>
    <t>介護保険料賦課ファイル</t>
  </si>
  <si>
    <t>高齢介護課</t>
  </si>
  <si>
    <t>社会長寿班</t>
  </si>
  <si>
    <t>88.pdf</t>
  </si>
  <si>
    <t>介護保険資格管理ファイル</t>
  </si>
  <si>
    <t>89.pdf</t>
  </si>
  <si>
    <t>介護保険要介護（要支援）認定ファイル</t>
  </si>
  <si>
    <t>90.pdf</t>
  </si>
  <si>
    <t>介護保険給付ファイル</t>
  </si>
  <si>
    <t>91.pdf</t>
  </si>
  <si>
    <t>高齢者福祉ファイル</t>
  </si>
  <si>
    <t>95.pdf</t>
  </si>
  <si>
    <t>地域支援事業ファイル</t>
  </si>
  <si>
    <t>地域包括支援班</t>
  </si>
  <si>
    <t>98.pdf</t>
  </si>
  <si>
    <t>障害児・者福祉ファイル</t>
  </si>
  <si>
    <t>福祉事務所</t>
  </si>
  <si>
    <t>社会福祉班</t>
  </si>
  <si>
    <t>99.pdf</t>
  </si>
  <si>
    <t>児童福祉ファイル</t>
  </si>
  <si>
    <t>100.pdf</t>
  </si>
  <si>
    <t>児童扶養手当ファイル</t>
  </si>
  <si>
    <t>102.pdf</t>
  </si>
  <si>
    <t>児童手当ファイル</t>
  </si>
  <si>
    <t>104.pdf</t>
  </si>
  <si>
    <t>戦没者遺族援護ファイル</t>
  </si>
  <si>
    <t>106.pdf</t>
  </si>
  <si>
    <t>災害弱者ファイル</t>
  </si>
  <si>
    <t>107.pdf</t>
  </si>
  <si>
    <t>要保護児童ファイル</t>
  </si>
  <si>
    <t>108.pdf</t>
  </si>
  <si>
    <t>生活保護ファイル</t>
  </si>
  <si>
    <t>保護班</t>
  </si>
  <si>
    <t>110.pdf</t>
  </si>
  <si>
    <t>生活保護ケースファイル</t>
  </si>
  <si>
    <t>113.pdf</t>
  </si>
  <si>
    <t>中山間地域等直接支払制度ファイル</t>
  </si>
  <si>
    <t>農林課</t>
  </si>
  <si>
    <t>117.pdf</t>
  </si>
  <si>
    <t>経営所得安定対策事業ファイル</t>
  </si>
  <si>
    <t>123.pdf</t>
  </si>
  <si>
    <t>林地台帳整備ファイル</t>
  </si>
  <si>
    <t>林政班</t>
  </si>
  <si>
    <t>130.pdf</t>
  </si>
  <si>
    <t>商工業の振興に関するファイル</t>
  </si>
  <si>
    <t>商工観光課</t>
  </si>
  <si>
    <t>132.pdf</t>
  </si>
  <si>
    <t>地域電子マネーカード発行ファイル</t>
  </si>
  <si>
    <t>139.pdf</t>
  </si>
  <si>
    <t>地籍調査ファイル</t>
  </si>
  <si>
    <t>建設課</t>
  </si>
  <si>
    <t>地籍調査班</t>
  </si>
  <si>
    <t>145.pdf</t>
  </si>
  <si>
    <t>狂犬病予防事務ファイル</t>
  </si>
  <si>
    <t>環境課</t>
  </si>
  <si>
    <t>161.pdf</t>
  </si>
  <si>
    <t>活動報告書ファイル</t>
  </si>
  <si>
    <t>消防長</t>
  </si>
  <si>
    <t>消防本部消防課</t>
  </si>
  <si>
    <t>警防班</t>
  </si>
  <si>
    <t>167.pdf</t>
  </si>
  <si>
    <t>教科書給与ファイル</t>
  </si>
  <si>
    <t>教育委員会</t>
  </si>
  <si>
    <t>教育振興課</t>
  </si>
  <si>
    <t>学校教育班</t>
  </si>
  <si>
    <t>172.pdf</t>
  </si>
  <si>
    <t>学籍一般事務ファイル</t>
  </si>
  <si>
    <t>173.pdf</t>
  </si>
  <si>
    <t>扶助ファイル</t>
  </si>
  <si>
    <t>174.pdf</t>
  </si>
  <si>
    <t>保健安全ファイル</t>
  </si>
  <si>
    <t>181.pdf</t>
  </si>
  <si>
    <t>保育運営費補助ファイル</t>
  </si>
  <si>
    <t>幼保支援班</t>
  </si>
  <si>
    <t>183.pdf</t>
  </si>
  <si>
    <t>保育入園・退園関係ファイル</t>
  </si>
  <si>
    <t>184.pdf</t>
  </si>
  <si>
    <t>保育料等関係ファイル</t>
  </si>
  <si>
    <t>185.pdf</t>
  </si>
  <si>
    <t>保育運営管理ファイル</t>
  </si>
  <si>
    <t>188.pdf</t>
  </si>
  <si>
    <t>保育（なかよし保育園）ファイル</t>
  </si>
  <si>
    <t>189.pdf</t>
  </si>
  <si>
    <t>保育（あけぼの保育園）ファイル</t>
  </si>
  <si>
    <t>190.pdf</t>
  </si>
  <si>
    <t>保育（片地保育園）ファイル</t>
  </si>
  <si>
    <t>191.pdf</t>
  </si>
  <si>
    <t>保育（新改保育園）ファイル</t>
  </si>
  <si>
    <t>192.pdf</t>
  </si>
  <si>
    <t>保育（美良布保育園）ファイル</t>
  </si>
  <si>
    <t>193.pdf</t>
  </si>
  <si>
    <t>保育（双葉保育園）ファイル</t>
  </si>
  <si>
    <t>194.pdf</t>
  </si>
  <si>
    <t>保育（大栃保育園）ファイル</t>
  </si>
  <si>
    <t>195.pdf</t>
  </si>
  <si>
    <t>子育てひろばファイル</t>
  </si>
  <si>
    <t>208.pdf</t>
  </si>
  <si>
    <t>児童生徒等情報 学校給食申込書　(香長、山田、舟入、楠目、片地、鏡野、その他)ファイル【令和2年度～令和4年度】</t>
  </si>
  <si>
    <t>給食センター</t>
  </si>
  <si>
    <t>212.pdf</t>
  </si>
  <si>
    <t>児童生徒等情報 教職員・児童・生徒対象者名簿ファイル【令和4年度～平成29年度】</t>
  </si>
  <si>
    <t>213.pdf</t>
  </si>
  <si>
    <t>児童生徒等情報 私立校等等への進学者名簿・教職員異動報告書ファイル【令和4年度～平成29年度】</t>
  </si>
  <si>
    <t>217.pdf</t>
  </si>
  <si>
    <t>就学援助等 準要保護児童生徒に対する援助費個人別支給明細・学校給食費ファイル【令和4年度～平成29年度】</t>
  </si>
  <si>
    <t>235.pdf</t>
  </si>
  <si>
    <t>調定関連 学校給食費の請求・支払に関する通知書等の送付書類控ファイル【令和4年度～平成29年度】</t>
  </si>
  <si>
    <t>236.pdf</t>
  </si>
  <si>
    <t>調定関連 当初調定台帳・納付書送付者一覧ファイル【令和4年度～平成29年度</t>
  </si>
  <si>
    <t>241.pdf</t>
  </si>
  <si>
    <t>香美市立図書館利用登録ファイル</t>
  </si>
  <si>
    <t>図書館</t>
  </si>
  <si>
    <t>259.pdf</t>
  </si>
  <si>
    <t>選挙人名簿ファイル</t>
  </si>
  <si>
    <t>選挙管理委員会</t>
  </si>
  <si>
    <t>事務局</t>
  </si>
  <si>
    <t>267.pdf</t>
  </si>
  <si>
    <t>不在者投票及び期日前投票ファイル</t>
  </si>
  <si>
    <t>282.pdf</t>
  </si>
  <si>
    <t>下水道事業受益者負担金ファイル</t>
  </si>
  <si>
    <t>上下水道事業</t>
  </si>
  <si>
    <t>上下水道局</t>
  </si>
  <si>
    <t>283.pdf</t>
  </si>
  <si>
    <t>水道料金及び下水道使用料ファイル</t>
  </si>
  <si>
    <t>284.pdf</t>
  </si>
  <si>
    <t>排水設備に関するファイル</t>
  </si>
  <si>
    <t>285.pdf</t>
  </si>
  <si>
    <t>給水装置に関するファイル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rgb="FFCCFFCC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">
    <xf numFmtId="0" fontId="0" fillId="0" borderId="0" xfId="0">
      <alignment vertical="center"/>
    </xf>
    <xf numFmtId="0" fontId="0" fillId="2" borderId="1" xfId="0" applyNumberFormat="1" applyFill="1" applyBorder="1">
      <alignment vertical="center"/>
    </xf>
    <xf numFmtId="49" fontId="0" fillId="2" borderId="1" xfId="0" applyNumberFormat="1" applyFill="1" applyBorder="1">
      <alignment vertical="center"/>
    </xf>
    <xf numFmtId="0" fontId="0" fillId="0" borderId="1" xfId="0" applyNumberFormat="1" applyBorder="1">
      <alignment vertical="center"/>
    </xf>
    <xf numFmtId="49" fontId="0" fillId="0" borderId="1" xfId="0" applyNumberFormat="1" applyBorder="1">
      <alignment vertical="center"/>
    </xf>
    <xf numFmtId="0" fontId="0" fillId="0" borderId="0" xfId="0" applyNumberFormat="1">
      <alignment vertical="center"/>
    </xf>
    <xf numFmtId="49" fontId="0" fillId="0" borderId="0" xfId="0" applyNumberForma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1488;&#24115;&#12486;&#12531;&#12503;&#12524;&#12540;&#12488;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i492/Downloads/kjPrintDaichou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台帳テンプレート"/>
    </sheetNames>
    <sheetDataSet>
      <sheetData sheetId="0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メニュー画面"/>
      <sheetName val="データ選択画面"/>
      <sheetName val="台帳"/>
      <sheetName val="一覧"/>
      <sheetName val="目的外利用外部提供一覧"/>
      <sheetName val="システム利用項目＞＞"/>
      <sheetName val="設定情報"/>
      <sheetName val="一覧テンプレート"/>
      <sheetName val="台帳テンプレート"/>
      <sheetName val="台帳部品"/>
      <sheetName val="データ取り込みテーブル＞＞"/>
      <sheetName val="DaichouData"/>
      <sheetName val="GamenKouseiData"/>
      <sheetName val="OutputTargetData"/>
      <sheetName val="file"/>
      <sheetName val="pdf-file-list"/>
    </sheetNames>
    <sheetDataSet>
      <sheetData sheetId="0"/>
      <sheetData sheetId="1"/>
      <sheetData sheetId="2"/>
      <sheetData sheetId="3"/>
      <sheetData sheetId="4"/>
      <sheetData sheetId="5"/>
      <sheetData sheetId="6">
        <row r="1">
          <cell r="D1" t="b">
            <v>0</v>
          </cell>
        </row>
        <row r="2">
          <cell r="C2" t="str">
            <v>入力確認票兼個人番号利用事務調査票</v>
          </cell>
        </row>
        <row r="3">
          <cell r="C3" t="str">
            <v>入力確認票兼個人番号利用ファイル調査票</v>
          </cell>
        </row>
        <row r="4">
          <cell r="C4" t="str">
            <v>個人情報取扱事務登録簿</v>
          </cell>
          <cell r="D4">
            <v>30</v>
          </cell>
          <cell r="H4">
            <v>30</v>
          </cell>
        </row>
        <row r="5">
          <cell r="C5" t="str">
            <v>個人情報ファイル簿</v>
          </cell>
          <cell r="D5">
            <v>27</v>
          </cell>
          <cell r="H5">
            <v>27</v>
          </cell>
        </row>
        <row r="14">
          <cell r="C14" t="b">
            <v>1</v>
          </cell>
        </row>
        <row r="15">
          <cell r="C15" t="b">
            <v>1</v>
          </cell>
        </row>
        <row r="16">
          <cell r="C16" t="b">
            <v>1</v>
          </cell>
        </row>
        <row r="17">
          <cell r="C17" t="b">
            <v>0</v>
          </cell>
        </row>
        <row r="18">
          <cell r="C18" t="b">
            <v>1</v>
          </cell>
        </row>
        <row r="19">
          <cell r="C19" t="b">
            <v>1</v>
          </cell>
        </row>
        <row r="24">
          <cell r="C24">
            <v>425</v>
          </cell>
        </row>
        <row r="25">
          <cell r="C25" t="str">
            <v>D1</v>
          </cell>
        </row>
        <row r="26">
          <cell r="C26" t="str">
            <v>D2</v>
          </cell>
        </row>
        <row r="27">
          <cell r="C27" t="str">
            <v>D3</v>
          </cell>
        </row>
        <row r="28">
          <cell r="C28" t="str">
            <v>T1T</v>
          </cell>
        </row>
        <row r="29">
          <cell r="C29" t="str">
            <v>T2T</v>
          </cell>
        </row>
        <row r="30">
          <cell r="C30" t="str">
            <v>T3T</v>
          </cell>
        </row>
        <row r="31">
          <cell r="C31" t="b">
            <v>1</v>
          </cell>
        </row>
        <row r="32">
          <cell r="C32" t="b">
            <v>1</v>
          </cell>
        </row>
        <row r="33">
          <cell r="C33" t="b">
            <v>1</v>
          </cell>
        </row>
        <row r="34">
          <cell r="C34" t="b">
            <v>1</v>
          </cell>
        </row>
        <row r="35">
          <cell r="C35" t="b">
            <v>1</v>
          </cell>
        </row>
        <row r="37">
          <cell r="C37">
            <v>30</v>
          </cell>
        </row>
        <row r="38">
          <cell r="C38">
            <v>27</v>
          </cell>
        </row>
        <row r="39">
          <cell r="C39">
            <v>30</v>
          </cell>
        </row>
        <row r="43">
          <cell r="C43">
            <v>0</v>
          </cell>
        </row>
        <row r="45">
          <cell r="C45">
            <v>1</v>
          </cell>
        </row>
        <row r="46">
          <cell r="C46">
            <v>2</v>
          </cell>
        </row>
        <row r="48">
          <cell r="C48">
            <v>3</v>
          </cell>
        </row>
        <row r="51">
          <cell r="C51">
            <v>0</v>
          </cell>
        </row>
        <row r="52">
          <cell r="C52">
            <v>0</v>
          </cell>
        </row>
      </sheetData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A8FA321-E046-45B2-91A6-3010DAAC7291}">
  <dimension ref="A1:G87"/>
  <sheetViews>
    <sheetView tabSelected="1" workbookViewId="0"/>
  </sheetViews>
  <sheetFormatPr defaultRowHeight="18.75" x14ac:dyDescent="0.4"/>
  <cols>
    <col min="1" max="1" width="3.875" style="5" bestFit="1" customWidth="1"/>
    <col min="2" max="2" width="15.125" style="5" bestFit="1" customWidth="1"/>
    <col min="3" max="3" width="9" style="6"/>
    <col min="4" max="4" width="111.125" style="6" bestFit="1" customWidth="1"/>
    <col min="5" max="7" width="15.125" style="6" bestFit="1" customWidth="1"/>
  </cols>
  <sheetData>
    <row r="1" spans="1:7" x14ac:dyDescent="0.4">
      <c r="A1" s="1" t="s">
        <v>0</v>
      </c>
      <c r="B1" s="1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</row>
    <row r="2" spans="1:7" x14ac:dyDescent="0.4">
      <c r="A2" s="3">
        <v>1</v>
      </c>
      <c r="B2" s="3" t="s">
        <v>7</v>
      </c>
      <c r="C2" s="4">
        <v>2</v>
      </c>
      <c r="D2" s="4" t="s">
        <v>8</v>
      </c>
      <c r="E2" s="4" t="s">
        <v>9</v>
      </c>
      <c r="F2" s="4" t="s">
        <v>10</v>
      </c>
      <c r="G2" s="4" t="s">
        <v>11</v>
      </c>
    </row>
    <row r="3" spans="1:7" x14ac:dyDescent="0.4">
      <c r="A3" s="3">
        <v>2</v>
      </c>
      <c r="B3" s="3" t="s">
        <v>12</v>
      </c>
      <c r="C3" s="4">
        <v>3</v>
      </c>
      <c r="D3" s="4" t="s">
        <v>13</v>
      </c>
      <c r="E3" s="4" t="s">
        <v>9</v>
      </c>
      <c r="F3" s="4" t="s">
        <v>10</v>
      </c>
      <c r="G3" s="4" t="s">
        <v>11</v>
      </c>
    </row>
    <row r="4" spans="1:7" x14ac:dyDescent="0.4">
      <c r="A4" s="3">
        <v>3</v>
      </c>
      <c r="B4" s="3" t="s">
        <v>14</v>
      </c>
      <c r="C4" s="4">
        <v>6</v>
      </c>
      <c r="D4" s="4" t="s">
        <v>15</v>
      </c>
      <c r="E4" s="4" t="s">
        <v>9</v>
      </c>
      <c r="F4" s="4" t="s">
        <v>10</v>
      </c>
      <c r="G4" s="4" t="s">
        <v>11</v>
      </c>
    </row>
    <row r="5" spans="1:7" x14ac:dyDescent="0.4">
      <c r="A5" s="3">
        <v>4</v>
      </c>
      <c r="B5" s="3" t="s">
        <v>16</v>
      </c>
      <c r="C5" s="4">
        <v>36</v>
      </c>
      <c r="D5" s="4" t="s">
        <v>17</v>
      </c>
      <c r="E5" s="4" t="s">
        <v>9</v>
      </c>
      <c r="F5" s="4" t="s">
        <v>18</v>
      </c>
      <c r="G5" s="4" t="s">
        <v>11</v>
      </c>
    </row>
    <row r="6" spans="1:7" x14ac:dyDescent="0.4">
      <c r="A6" s="3">
        <v>5</v>
      </c>
      <c r="B6" s="3" t="s">
        <v>19</v>
      </c>
      <c r="C6" s="4">
        <v>37</v>
      </c>
      <c r="D6" s="4" t="s">
        <v>20</v>
      </c>
      <c r="E6" s="4" t="s">
        <v>9</v>
      </c>
      <c r="F6" s="4" t="s">
        <v>18</v>
      </c>
      <c r="G6" s="4" t="s">
        <v>11</v>
      </c>
    </row>
    <row r="7" spans="1:7" x14ac:dyDescent="0.4">
      <c r="A7" s="3">
        <v>6</v>
      </c>
      <c r="B7" s="3" t="s">
        <v>21</v>
      </c>
      <c r="C7" s="4">
        <v>38</v>
      </c>
      <c r="D7" s="4" t="s">
        <v>22</v>
      </c>
      <c r="E7" s="4" t="s">
        <v>9</v>
      </c>
      <c r="F7" s="4" t="s">
        <v>18</v>
      </c>
      <c r="G7" s="4" t="s">
        <v>11</v>
      </c>
    </row>
    <row r="8" spans="1:7" x14ac:dyDescent="0.4">
      <c r="A8" s="3">
        <v>7</v>
      </c>
      <c r="B8" s="3" t="s">
        <v>23</v>
      </c>
      <c r="C8" s="4">
        <v>41</v>
      </c>
      <c r="D8" s="4" t="s">
        <v>24</v>
      </c>
      <c r="E8" s="4" t="s">
        <v>9</v>
      </c>
      <c r="F8" s="4" t="s">
        <v>18</v>
      </c>
      <c r="G8" s="4" t="s">
        <v>11</v>
      </c>
    </row>
    <row r="9" spans="1:7" x14ac:dyDescent="0.4">
      <c r="A9" s="3">
        <v>8</v>
      </c>
      <c r="B9" s="3" t="s">
        <v>25</v>
      </c>
      <c r="C9" s="4">
        <v>44</v>
      </c>
      <c r="D9" s="4" t="s">
        <v>26</v>
      </c>
      <c r="E9" s="4" t="s">
        <v>9</v>
      </c>
      <c r="F9" s="4" t="s">
        <v>27</v>
      </c>
      <c r="G9" s="4" t="s">
        <v>28</v>
      </c>
    </row>
    <row r="10" spans="1:7" x14ac:dyDescent="0.4">
      <c r="A10" s="3">
        <v>9</v>
      </c>
      <c r="B10" s="3" t="s">
        <v>29</v>
      </c>
      <c r="C10" s="4">
        <v>45</v>
      </c>
      <c r="D10" s="4" t="s">
        <v>30</v>
      </c>
      <c r="E10" s="4" t="s">
        <v>9</v>
      </c>
      <c r="F10" s="4" t="s">
        <v>27</v>
      </c>
      <c r="G10" s="4" t="s">
        <v>28</v>
      </c>
    </row>
    <row r="11" spans="1:7" x14ac:dyDescent="0.4">
      <c r="A11" s="3">
        <v>10</v>
      </c>
      <c r="B11" s="3" t="s">
        <v>31</v>
      </c>
      <c r="C11" s="4">
        <v>46</v>
      </c>
      <c r="D11" s="4" t="s">
        <v>32</v>
      </c>
      <c r="E11" s="4" t="s">
        <v>9</v>
      </c>
      <c r="F11" s="4" t="s">
        <v>27</v>
      </c>
      <c r="G11" s="4" t="s">
        <v>28</v>
      </c>
    </row>
    <row r="12" spans="1:7" x14ac:dyDescent="0.4">
      <c r="A12" s="3">
        <v>11</v>
      </c>
      <c r="B12" s="3" t="s">
        <v>33</v>
      </c>
      <c r="C12" s="4">
        <v>52</v>
      </c>
      <c r="D12" s="4" t="s">
        <v>34</v>
      </c>
      <c r="E12" s="4" t="s">
        <v>9</v>
      </c>
      <c r="F12" s="4" t="s">
        <v>35</v>
      </c>
      <c r="G12" s="4" t="s">
        <v>36</v>
      </c>
    </row>
    <row r="13" spans="1:7" x14ac:dyDescent="0.4">
      <c r="A13" s="3">
        <v>12</v>
      </c>
      <c r="B13" s="3" t="s">
        <v>37</v>
      </c>
      <c r="C13" s="4">
        <v>53</v>
      </c>
      <c r="D13" s="4" t="s">
        <v>38</v>
      </c>
      <c r="E13" s="4" t="s">
        <v>9</v>
      </c>
      <c r="F13" s="4" t="s">
        <v>35</v>
      </c>
      <c r="G13" s="4" t="s">
        <v>36</v>
      </c>
    </row>
    <row r="14" spans="1:7" x14ac:dyDescent="0.4">
      <c r="A14" s="3">
        <v>13</v>
      </c>
      <c r="B14" s="3" t="s">
        <v>39</v>
      </c>
      <c r="C14" s="4">
        <v>55</v>
      </c>
      <c r="D14" s="4" t="s">
        <v>40</v>
      </c>
      <c r="E14" s="4" t="s">
        <v>9</v>
      </c>
      <c r="F14" s="4" t="s">
        <v>35</v>
      </c>
      <c r="G14" s="4" t="s">
        <v>41</v>
      </c>
    </row>
    <row r="15" spans="1:7" x14ac:dyDescent="0.4">
      <c r="A15" s="3">
        <v>14</v>
      </c>
      <c r="B15" s="3" t="s">
        <v>42</v>
      </c>
      <c r="C15" s="4">
        <v>56</v>
      </c>
      <c r="D15" s="4" t="s">
        <v>43</v>
      </c>
      <c r="E15" s="4" t="s">
        <v>9</v>
      </c>
      <c r="F15" s="4" t="s">
        <v>35</v>
      </c>
      <c r="G15" s="4" t="s">
        <v>41</v>
      </c>
    </row>
    <row r="16" spans="1:7" x14ac:dyDescent="0.4">
      <c r="A16" s="3">
        <v>15</v>
      </c>
      <c r="B16" s="3" t="s">
        <v>44</v>
      </c>
      <c r="C16" s="4">
        <v>57</v>
      </c>
      <c r="D16" s="4" t="s">
        <v>45</v>
      </c>
      <c r="E16" s="4" t="s">
        <v>9</v>
      </c>
      <c r="F16" s="4" t="s">
        <v>35</v>
      </c>
      <c r="G16" s="4" t="s">
        <v>41</v>
      </c>
    </row>
    <row r="17" spans="1:7" x14ac:dyDescent="0.4">
      <c r="A17" s="3">
        <v>16</v>
      </c>
      <c r="B17" s="3" t="s">
        <v>46</v>
      </c>
      <c r="C17" s="4">
        <v>58</v>
      </c>
      <c r="D17" s="4" t="s">
        <v>47</v>
      </c>
      <c r="E17" s="4" t="s">
        <v>9</v>
      </c>
      <c r="F17" s="4" t="s">
        <v>35</v>
      </c>
      <c r="G17" s="4" t="s">
        <v>41</v>
      </c>
    </row>
    <row r="18" spans="1:7" x14ac:dyDescent="0.4">
      <c r="A18" s="3">
        <v>17</v>
      </c>
      <c r="B18" s="3" t="s">
        <v>48</v>
      </c>
      <c r="C18" s="4">
        <v>60</v>
      </c>
      <c r="D18" s="4" t="s">
        <v>49</v>
      </c>
      <c r="E18" s="4" t="s">
        <v>9</v>
      </c>
      <c r="F18" s="4" t="s">
        <v>35</v>
      </c>
      <c r="G18" s="4" t="s">
        <v>50</v>
      </c>
    </row>
    <row r="19" spans="1:7" x14ac:dyDescent="0.4">
      <c r="A19" s="3">
        <v>18</v>
      </c>
      <c r="B19" s="3" t="s">
        <v>51</v>
      </c>
      <c r="C19" s="4">
        <v>61</v>
      </c>
      <c r="D19" s="4" t="s">
        <v>52</v>
      </c>
      <c r="E19" s="4" t="s">
        <v>9</v>
      </c>
      <c r="F19" s="4" t="s">
        <v>35</v>
      </c>
      <c r="G19" s="4" t="s">
        <v>50</v>
      </c>
    </row>
    <row r="20" spans="1:7" x14ac:dyDescent="0.4">
      <c r="A20" s="3">
        <v>19</v>
      </c>
      <c r="B20" s="3" t="s">
        <v>53</v>
      </c>
      <c r="C20" s="4">
        <v>62</v>
      </c>
      <c r="D20" s="4" t="s">
        <v>54</v>
      </c>
      <c r="E20" s="4" t="s">
        <v>9</v>
      </c>
      <c r="F20" s="4" t="s">
        <v>35</v>
      </c>
      <c r="G20" s="4" t="s">
        <v>50</v>
      </c>
    </row>
    <row r="21" spans="1:7" x14ac:dyDescent="0.4">
      <c r="A21" s="3">
        <v>20</v>
      </c>
      <c r="B21" s="3" t="s">
        <v>55</v>
      </c>
      <c r="C21" s="4">
        <v>65</v>
      </c>
      <c r="D21" s="4" t="s">
        <v>56</v>
      </c>
      <c r="E21" s="4" t="s">
        <v>9</v>
      </c>
      <c r="F21" s="4" t="s">
        <v>35</v>
      </c>
      <c r="G21" s="4" t="s">
        <v>50</v>
      </c>
    </row>
    <row r="22" spans="1:7" x14ac:dyDescent="0.4">
      <c r="A22" s="3">
        <v>21</v>
      </c>
      <c r="B22" s="3" t="s">
        <v>57</v>
      </c>
      <c r="C22" s="4">
        <v>69</v>
      </c>
      <c r="D22" s="4" t="s">
        <v>58</v>
      </c>
      <c r="E22" s="4" t="s">
        <v>9</v>
      </c>
      <c r="F22" s="4" t="s">
        <v>59</v>
      </c>
      <c r="G22" s="4" t="s">
        <v>60</v>
      </c>
    </row>
    <row r="23" spans="1:7" x14ac:dyDescent="0.4">
      <c r="A23" s="3">
        <v>22</v>
      </c>
      <c r="B23" s="3" t="s">
        <v>61</v>
      </c>
      <c r="C23" s="4">
        <v>70</v>
      </c>
      <c r="D23" s="4" t="s">
        <v>62</v>
      </c>
      <c r="E23" s="4" t="s">
        <v>9</v>
      </c>
      <c r="F23" s="4" t="s">
        <v>59</v>
      </c>
      <c r="G23" s="4" t="s">
        <v>60</v>
      </c>
    </row>
    <row r="24" spans="1:7" x14ac:dyDescent="0.4">
      <c r="A24" s="3">
        <v>23</v>
      </c>
      <c r="B24" s="3" t="s">
        <v>63</v>
      </c>
      <c r="C24" s="4">
        <v>71</v>
      </c>
      <c r="D24" s="4" t="s">
        <v>64</v>
      </c>
      <c r="E24" s="4" t="s">
        <v>9</v>
      </c>
      <c r="F24" s="4" t="s">
        <v>59</v>
      </c>
      <c r="G24" s="4" t="s">
        <v>60</v>
      </c>
    </row>
    <row r="25" spans="1:7" x14ac:dyDescent="0.4">
      <c r="A25" s="3">
        <v>24</v>
      </c>
      <c r="B25" s="3" t="s">
        <v>65</v>
      </c>
      <c r="C25" s="4">
        <v>73</v>
      </c>
      <c r="D25" s="4" t="s">
        <v>66</v>
      </c>
      <c r="E25" s="4" t="s">
        <v>9</v>
      </c>
      <c r="F25" s="4" t="s">
        <v>59</v>
      </c>
      <c r="G25" s="4" t="s">
        <v>60</v>
      </c>
    </row>
    <row r="26" spans="1:7" x14ac:dyDescent="0.4">
      <c r="A26" s="3">
        <v>25</v>
      </c>
      <c r="B26" s="3" t="s">
        <v>67</v>
      </c>
      <c r="C26" s="4">
        <v>74</v>
      </c>
      <c r="D26" s="4" t="s">
        <v>68</v>
      </c>
      <c r="E26" s="4" t="s">
        <v>9</v>
      </c>
      <c r="F26" s="4" t="s">
        <v>59</v>
      </c>
      <c r="G26" s="4" t="s">
        <v>60</v>
      </c>
    </row>
    <row r="27" spans="1:7" x14ac:dyDescent="0.4">
      <c r="A27" s="3">
        <v>26</v>
      </c>
      <c r="B27" s="3" t="s">
        <v>69</v>
      </c>
      <c r="C27" s="4">
        <v>75</v>
      </c>
      <c r="D27" s="4" t="s">
        <v>70</v>
      </c>
      <c r="E27" s="4" t="s">
        <v>9</v>
      </c>
      <c r="F27" s="4" t="s">
        <v>59</v>
      </c>
      <c r="G27" s="4" t="s">
        <v>60</v>
      </c>
    </row>
    <row r="28" spans="1:7" x14ac:dyDescent="0.4">
      <c r="A28" s="3">
        <v>27</v>
      </c>
      <c r="B28" s="3" t="s">
        <v>71</v>
      </c>
      <c r="C28" s="4">
        <v>76</v>
      </c>
      <c r="D28" s="4" t="s">
        <v>72</v>
      </c>
      <c r="E28" s="4" t="s">
        <v>9</v>
      </c>
      <c r="F28" s="4" t="s">
        <v>59</v>
      </c>
      <c r="G28" s="4" t="s">
        <v>73</v>
      </c>
    </row>
    <row r="29" spans="1:7" x14ac:dyDescent="0.4">
      <c r="A29" s="3">
        <v>28</v>
      </c>
      <c r="B29" s="3" t="s">
        <v>74</v>
      </c>
      <c r="C29" s="4">
        <v>78</v>
      </c>
      <c r="D29" s="4" t="s">
        <v>75</v>
      </c>
      <c r="E29" s="4" t="s">
        <v>9</v>
      </c>
      <c r="F29" s="4" t="s">
        <v>59</v>
      </c>
      <c r="G29" s="4" t="s">
        <v>73</v>
      </c>
    </row>
    <row r="30" spans="1:7" x14ac:dyDescent="0.4">
      <c r="A30" s="3">
        <v>29</v>
      </c>
      <c r="B30" s="3" t="s">
        <v>76</v>
      </c>
      <c r="C30" s="4">
        <v>79</v>
      </c>
      <c r="D30" s="4" t="s">
        <v>77</v>
      </c>
      <c r="E30" s="4" t="s">
        <v>9</v>
      </c>
      <c r="F30" s="4" t="s">
        <v>59</v>
      </c>
      <c r="G30" s="4" t="s">
        <v>73</v>
      </c>
    </row>
    <row r="31" spans="1:7" x14ac:dyDescent="0.4">
      <c r="A31" s="3">
        <v>30</v>
      </c>
      <c r="B31" s="3" t="s">
        <v>78</v>
      </c>
      <c r="C31" s="4">
        <v>80</v>
      </c>
      <c r="D31" s="4" t="s">
        <v>79</v>
      </c>
      <c r="E31" s="4" t="s">
        <v>9</v>
      </c>
      <c r="F31" s="4" t="s">
        <v>59</v>
      </c>
      <c r="G31" s="4" t="s">
        <v>73</v>
      </c>
    </row>
    <row r="32" spans="1:7" x14ac:dyDescent="0.4">
      <c r="A32" s="3">
        <v>31</v>
      </c>
      <c r="B32" s="3" t="s">
        <v>80</v>
      </c>
      <c r="C32" s="4">
        <v>81</v>
      </c>
      <c r="D32" s="4" t="s">
        <v>81</v>
      </c>
      <c r="E32" s="4" t="s">
        <v>9</v>
      </c>
      <c r="F32" s="4" t="s">
        <v>82</v>
      </c>
      <c r="G32" s="4" t="s">
        <v>83</v>
      </c>
    </row>
    <row r="33" spans="1:7" x14ac:dyDescent="0.4">
      <c r="A33" s="3">
        <v>32</v>
      </c>
      <c r="B33" s="3" t="s">
        <v>84</v>
      </c>
      <c r="C33" s="4">
        <v>82</v>
      </c>
      <c r="D33" s="4" t="s">
        <v>85</v>
      </c>
      <c r="E33" s="4" t="s">
        <v>9</v>
      </c>
      <c r="F33" s="4" t="s">
        <v>82</v>
      </c>
      <c r="G33" s="4" t="s">
        <v>83</v>
      </c>
    </row>
    <row r="34" spans="1:7" x14ac:dyDescent="0.4">
      <c r="A34" s="3">
        <v>33</v>
      </c>
      <c r="B34" s="3" t="s">
        <v>86</v>
      </c>
      <c r="C34" s="4">
        <v>83</v>
      </c>
      <c r="D34" s="4" t="s">
        <v>87</v>
      </c>
      <c r="E34" s="4" t="s">
        <v>9</v>
      </c>
      <c r="F34" s="4" t="s">
        <v>82</v>
      </c>
      <c r="G34" s="4" t="s">
        <v>88</v>
      </c>
    </row>
    <row r="35" spans="1:7" x14ac:dyDescent="0.4">
      <c r="A35" s="3">
        <v>34</v>
      </c>
      <c r="B35" s="3" t="s">
        <v>89</v>
      </c>
      <c r="C35" s="4">
        <v>85</v>
      </c>
      <c r="D35" s="4" t="s">
        <v>90</v>
      </c>
      <c r="E35" s="4" t="s">
        <v>9</v>
      </c>
      <c r="F35" s="4" t="s">
        <v>82</v>
      </c>
      <c r="G35" s="4" t="s">
        <v>88</v>
      </c>
    </row>
    <row r="36" spans="1:7" x14ac:dyDescent="0.4">
      <c r="A36" s="3">
        <v>35</v>
      </c>
      <c r="B36" s="3" t="s">
        <v>91</v>
      </c>
      <c r="C36" s="4">
        <v>86</v>
      </c>
      <c r="D36" s="4" t="s">
        <v>92</v>
      </c>
      <c r="E36" s="4" t="s">
        <v>9</v>
      </c>
      <c r="F36" s="4" t="s">
        <v>93</v>
      </c>
      <c r="G36" s="4" t="s">
        <v>94</v>
      </c>
    </row>
    <row r="37" spans="1:7" x14ac:dyDescent="0.4">
      <c r="A37" s="3">
        <v>36</v>
      </c>
      <c r="B37" s="3" t="s">
        <v>95</v>
      </c>
      <c r="C37" s="4">
        <v>87</v>
      </c>
      <c r="D37" s="4" t="s">
        <v>96</v>
      </c>
      <c r="E37" s="4" t="s">
        <v>9</v>
      </c>
      <c r="F37" s="4" t="s">
        <v>93</v>
      </c>
      <c r="G37" s="4" t="s">
        <v>94</v>
      </c>
    </row>
    <row r="38" spans="1:7" x14ac:dyDescent="0.4">
      <c r="A38" s="3">
        <v>37</v>
      </c>
      <c r="B38" s="3" t="s">
        <v>97</v>
      </c>
      <c r="C38" s="4">
        <v>88</v>
      </c>
      <c r="D38" s="4" t="s">
        <v>98</v>
      </c>
      <c r="E38" s="4" t="s">
        <v>9</v>
      </c>
      <c r="F38" s="4" t="s">
        <v>93</v>
      </c>
      <c r="G38" s="4" t="s">
        <v>94</v>
      </c>
    </row>
    <row r="39" spans="1:7" x14ac:dyDescent="0.4">
      <c r="A39" s="3">
        <v>38</v>
      </c>
      <c r="B39" s="3" t="s">
        <v>99</v>
      </c>
      <c r="C39" s="4">
        <v>89</v>
      </c>
      <c r="D39" s="4" t="s">
        <v>100</v>
      </c>
      <c r="E39" s="4" t="s">
        <v>9</v>
      </c>
      <c r="F39" s="4" t="s">
        <v>93</v>
      </c>
      <c r="G39" s="4" t="s">
        <v>94</v>
      </c>
    </row>
    <row r="40" spans="1:7" x14ac:dyDescent="0.4">
      <c r="A40" s="3">
        <v>39</v>
      </c>
      <c r="B40" s="3" t="s">
        <v>101</v>
      </c>
      <c r="C40" s="4">
        <v>90</v>
      </c>
      <c r="D40" s="4" t="s">
        <v>102</v>
      </c>
      <c r="E40" s="4" t="s">
        <v>9</v>
      </c>
      <c r="F40" s="4" t="s">
        <v>93</v>
      </c>
      <c r="G40" s="4" t="s">
        <v>94</v>
      </c>
    </row>
    <row r="41" spans="1:7" x14ac:dyDescent="0.4">
      <c r="A41" s="3">
        <v>40</v>
      </c>
      <c r="B41" s="3" t="s">
        <v>103</v>
      </c>
      <c r="C41" s="4">
        <v>94</v>
      </c>
      <c r="D41" s="4" t="s">
        <v>104</v>
      </c>
      <c r="E41" s="4" t="s">
        <v>9</v>
      </c>
      <c r="F41" s="4" t="s">
        <v>93</v>
      </c>
      <c r="G41" s="4" t="s">
        <v>105</v>
      </c>
    </row>
    <row r="42" spans="1:7" x14ac:dyDescent="0.4">
      <c r="A42" s="3">
        <v>41</v>
      </c>
      <c r="B42" s="3" t="s">
        <v>106</v>
      </c>
      <c r="C42" s="4">
        <v>97</v>
      </c>
      <c r="D42" s="4" t="s">
        <v>107</v>
      </c>
      <c r="E42" s="4" t="s">
        <v>9</v>
      </c>
      <c r="F42" s="4" t="s">
        <v>108</v>
      </c>
      <c r="G42" s="4" t="s">
        <v>109</v>
      </c>
    </row>
    <row r="43" spans="1:7" x14ac:dyDescent="0.4">
      <c r="A43" s="3">
        <v>42</v>
      </c>
      <c r="B43" s="3" t="s">
        <v>110</v>
      </c>
      <c r="C43" s="4">
        <v>98</v>
      </c>
      <c r="D43" s="4" t="s">
        <v>111</v>
      </c>
      <c r="E43" s="4" t="s">
        <v>9</v>
      </c>
      <c r="F43" s="4" t="s">
        <v>108</v>
      </c>
      <c r="G43" s="4" t="s">
        <v>109</v>
      </c>
    </row>
    <row r="44" spans="1:7" x14ac:dyDescent="0.4">
      <c r="A44" s="3">
        <v>43</v>
      </c>
      <c r="B44" s="3" t="s">
        <v>112</v>
      </c>
      <c r="C44" s="4">
        <v>99</v>
      </c>
      <c r="D44" s="4" t="s">
        <v>113</v>
      </c>
      <c r="E44" s="4" t="s">
        <v>9</v>
      </c>
      <c r="F44" s="4" t="s">
        <v>108</v>
      </c>
      <c r="G44" s="4" t="s">
        <v>109</v>
      </c>
    </row>
    <row r="45" spans="1:7" x14ac:dyDescent="0.4">
      <c r="A45" s="3">
        <v>44</v>
      </c>
      <c r="B45" s="3" t="s">
        <v>114</v>
      </c>
      <c r="C45" s="4">
        <v>101</v>
      </c>
      <c r="D45" s="4" t="s">
        <v>115</v>
      </c>
      <c r="E45" s="4" t="s">
        <v>9</v>
      </c>
      <c r="F45" s="4" t="s">
        <v>108</v>
      </c>
      <c r="G45" s="4" t="s">
        <v>109</v>
      </c>
    </row>
    <row r="46" spans="1:7" x14ac:dyDescent="0.4">
      <c r="A46" s="3">
        <v>45</v>
      </c>
      <c r="B46" s="3" t="s">
        <v>116</v>
      </c>
      <c r="C46" s="4">
        <v>103</v>
      </c>
      <c r="D46" s="4" t="s">
        <v>117</v>
      </c>
      <c r="E46" s="4" t="s">
        <v>9</v>
      </c>
      <c r="F46" s="4" t="s">
        <v>108</v>
      </c>
      <c r="G46" s="4" t="s">
        <v>109</v>
      </c>
    </row>
    <row r="47" spans="1:7" x14ac:dyDescent="0.4">
      <c r="A47" s="3">
        <v>46</v>
      </c>
      <c r="B47" s="3" t="s">
        <v>118</v>
      </c>
      <c r="C47" s="4">
        <v>105</v>
      </c>
      <c r="D47" s="4" t="s">
        <v>119</v>
      </c>
      <c r="E47" s="4" t="s">
        <v>9</v>
      </c>
      <c r="F47" s="4" t="s">
        <v>108</v>
      </c>
      <c r="G47" s="4" t="s">
        <v>109</v>
      </c>
    </row>
    <row r="48" spans="1:7" x14ac:dyDescent="0.4">
      <c r="A48" s="3">
        <v>47</v>
      </c>
      <c r="B48" s="3" t="s">
        <v>120</v>
      </c>
      <c r="C48" s="4">
        <v>106</v>
      </c>
      <c r="D48" s="4" t="s">
        <v>121</v>
      </c>
      <c r="E48" s="4" t="s">
        <v>9</v>
      </c>
      <c r="F48" s="4" t="s">
        <v>108</v>
      </c>
      <c r="G48" s="4" t="s">
        <v>109</v>
      </c>
    </row>
    <row r="49" spans="1:7" x14ac:dyDescent="0.4">
      <c r="A49" s="3">
        <v>48</v>
      </c>
      <c r="B49" s="3" t="s">
        <v>122</v>
      </c>
      <c r="C49" s="4">
        <v>107</v>
      </c>
      <c r="D49" s="4" t="s">
        <v>123</v>
      </c>
      <c r="E49" s="4" t="s">
        <v>9</v>
      </c>
      <c r="F49" s="4" t="s">
        <v>108</v>
      </c>
      <c r="G49" s="4" t="s">
        <v>124</v>
      </c>
    </row>
    <row r="50" spans="1:7" x14ac:dyDescent="0.4">
      <c r="A50" s="3">
        <v>49</v>
      </c>
      <c r="B50" s="3" t="s">
        <v>125</v>
      </c>
      <c r="C50" s="4">
        <v>109</v>
      </c>
      <c r="D50" s="4" t="s">
        <v>126</v>
      </c>
      <c r="E50" s="4" t="s">
        <v>9</v>
      </c>
      <c r="F50" s="4" t="s">
        <v>108</v>
      </c>
      <c r="G50" s="4" t="s">
        <v>124</v>
      </c>
    </row>
    <row r="51" spans="1:7" x14ac:dyDescent="0.4">
      <c r="A51" s="3">
        <v>50</v>
      </c>
      <c r="B51" s="3" t="s">
        <v>127</v>
      </c>
      <c r="C51" s="4">
        <v>112</v>
      </c>
      <c r="D51" s="4" t="s">
        <v>128</v>
      </c>
      <c r="E51" s="4" t="s">
        <v>9</v>
      </c>
      <c r="F51" s="4" t="s">
        <v>129</v>
      </c>
      <c r="G51" s="4" t="s">
        <v>11</v>
      </c>
    </row>
    <row r="52" spans="1:7" x14ac:dyDescent="0.4">
      <c r="A52" s="3">
        <v>51</v>
      </c>
      <c r="B52" s="3" t="s">
        <v>130</v>
      </c>
      <c r="C52" s="4">
        <v>116</v>
      </c>
      <c r="D52" s="4" t="s">
        <v>131</v>
      </c>
      <c r="E52" s="4" t="s">
        <v>9</v>
      </c>
      <c r="F52" s="4" t="s">
        <v>129</v>
      </c>
      <c r="G52" s="4" t="s">
        <v>11</v>
      </c>
    </row>
    <row r="53" spans="1:7" x14ac:dyDescent="0.4">
      <c r="A53" s="3">
        <v>52</v>
      </c>
      <c r="B53" s="3" t="s">
        <v>132</v>
      </c>
      <c r="C53" s="4">
        <v>122</v>
      </c>
      <c r="D53" s="4" t="s">
        <v>133</v>
      </c>
      <c r="E53" s="4" t="s">
        <v>9</v>
      </c>
      <c r="F53" s="4" t="s">
        <v>129</v>
      </c>
      <c r="G53" s="4" t="s">
        <v>134</v>
      </c>
    </row>
    <row r="54" spans="1:7" x14ac:dyDescent="0.4">
      <c r="A54" s="3">
        <v>53</v>
      </c>
      <c r="B54" s="3" t="s">
        <v>135</v>
      </c>
      <c r="C54" s="4">
        <v>129</v>
      </c>
      <c r="D54" s="4" t="s">
        <v>136</v>
      </c>
      <c r="E54" s="4" t="s">
        <v>9</v>
      </c>
      <c r="F54" s="4" t="s">
        <v>137</v>
      </c>
      <c r="G54" s="4" t="s">
        <v>11</v>
      </c>
    </row>
    <row r="55" spans="1:7" x14ac:dyDescent="0.4">
      <c r="A55" s="3">
        <v>54</v>
      </c>
      <c r="B55" s="3" t="s">
        <v>138</v>
      </c>
      <c r="C55" s="4">
        <v>131</v>
      </c>
      <c r="D55" s="4" t="s">
        <v>139</v>
      </c>
      <c r="E55" s="4" t="s">
        <v>9</v>
      </c>
      <c r="F55" s="4" t="s">
        <v>137</v>
      </c>
      <c r="G55" s="4" t="s">
        <v>11</v>
      </c>
    </row>
    <row r="56" spans="1:7" x14ac:dyDescent="0.4">
      <c r="A56" s="3">
        <v>55</v>
      </c>
      <c r="B56" s="3" t="s">
        <v>140</v>
      </c>
      <c r="C56" s="4">
        <v>138</v>
      </c>
      <c r="D56" s="4" t="s">
        <v>141</v>
      </c>
      <c r="E56" s="4" t="s">
        <v>9</v>
      </c>
      <c r="F56" s="4" t="s">
        <v>142</v>
      </c>
      <c r="G56" s="4" t="s">
        <v>143</v>
      </c>
    </row>
    <row r="57" spans="1:7" x14ac:dyDescent="0.4">
      <c r="A57" s="3">
        <v>56</v>
      </c>
      <c r="B57" s="3" t="s">
        <v>144</v>
      </c>
      <c r="C57" s="4">
        <v>144</v>
      </c>
      <c r="D57" s="4" t="s">
        <v>145</v>
      </c>
      <c r="E57" s="4" t="s">
        <v>9</v>
      </c>
      <c r="F57" s="4" t="s">
        <v>146</v>
      </c>
      <c r="G57" s="4" t="s">
        <v>11</v>
      </c>
    </row>
    <row r="58" spans="1:7" x14ac:dyDescent="0.4">
      <c r="A58" s="3">
        <v>57</v>
      </c>
      <c r="B58" s="3" t="s">
        <v>147</v>
      </c>
      <c r="C58" s="4">
        <v>160</v>
      </c>
      <c r="D58" s="4" t="s">
        <v>148</v>
      </c>
      <c r="E58" s="4" t="s">
        <v>149</v>
      </c>
      <c r="F58" s="4" t="s">
        <v>150</v>
      </c>
      <c r="G58" s="4" t="s">
        <v>151</v>
      </c>
    </row>
    <row r="59" spans="1:7" x14ac:dyDescent="0.4">
      <c r="A59" s="3">
        <v>58</v>
      </c>
      <c r="B59" s="3" t="s">
        <v>152</v>
      </c>
      <c r="C59" s="4">
        <v>166</v>
      </c>
      <c r="D59" s="4" t="s">
        <v>153</v>
      </c>
      <c r="E59" s="4" t="s">
        <v>154</v>
      </c>
      <c r="F59" s="4" t="s">
        <v>155</v>
      </c>
      <c r="G59" s="4" t="s">
        <v>156</v>
      </c>
    </row>
    <row r="60" spans="1:7" x14ac:dyDescent="0.4">
      <c r="A60" s="3">
        <v>59</v>
      </c>
      <c r="B60" s="3" t="s">
        <v>157</v>
      </c>
      <c r="C60" s="4">
        <v>171</v>
      </c>
      <c r="D60" s="4" t="s">
        <v>158</v>
      </c>
      <c r="E60" s="4" t="s">
        <v>154</v>
      </c>
      <c r="F60" s="4" t="s">
        <v>155</v>
      </c>
      <c r="G60" s="4" t="s">
        <v>156</v>
      </c>
    </row>
    <row r="61" spans="1:7" x14ac:dyDescent="0.4">
      <c r="A61" s="3">
        <v>60</v>
      </c>
      <c r="B61" s="3" t="s">
        <v>159</v>
      </c>
      <c r="C61" s="4">
        <v>172</v>
      </c>
      <c r="D61" s="4" t="s">
        <v>160</v>
      </c>
      <c r="E61" s="4" t="s">
        <v>154</v>
      </c>
      <c r="F61" s="4" t="s">
        <v>155</v>
      </c>
      <c r="G61" s="4" t="s">
        <v>156</v>
      </c>
    </row>
    <row r="62" spans="1:7" x14ac:dyDescent="0.4">
      <c r="A62" s="3">
        <v>61</v>
      </c>
      <c r="B62" s="3" t="s">
        <v>161</v>
      </c>
      <c r="C62" s="4">
        <v>173</v>
      </c>
      <c r="D62" s="4" t="s">
        <v>162</v>
      </c>
      <c r="E62" s="4" t="s">
        <v>154</v>
      </c>
      <c r="F62" s="4" t="s">
        <v>155</v>
      </c>
      <c r="G62" s="4" t="s">
        <v>156</v>
      </c>
    </row>
    <row r="63" spans="1:7" x14ac:dyDescent="0.4">
      <c r="A63" s="3">
        <v>62</v>
      </c>
      <c r="B63" s="3" t="s">
        <v>163</v>
      </c>
      <c r="C63" s="4">
        <v>180</v>
      </c>
      <c r="D63" s="4" t="s">
        <v>164</v>
      </c>
      <c r="E63" s="4" t="s">
        <v>154</v>
      </c>
      <c r="F63" s="4" t="s">
        <v>155</v>
      </c>
      <c r="G63" s="4" t="s">
        <v>165</v>
      </c>
    </row>
    <row r="64" spans="1:7" x14ac:dyDescent="0.4">
      <c r="A64" s="3">
        <v>63</v>
      </c>
      <c r="B64" s="3" t="s">
        <v>166</v>
      </c>
      <c r="C64" s="4">
        <v>182</v>
      </c>
      <c r="D64" s="4" t="s">
        <v>167</v>
      </c>
      <c r="E64" s="4" t="s">
        <v>154</v>
      </c>
      <c r="F64" s="4" t="s">
        <v>155</v>
      </c>
      <c r="G64" s="4" t="s">
        <v>165</v>
      </c>
    </row>
    <row r="65" spans="1:7" x14ac:dyDescent="0.4">
      <c r="A65" s="3">
        <v>64</v>
      </c>
      <c r="B65" s="3" t="s">
        <v>168</v>
      </c>
      <c r="C65" s="4">
        <v>183</v>
      </c>
      <c r="D65" s="4" t="s">
        <v>169</v>
      </c>
      <c r="E65" s="4" t="s">
        <v>154</v>
      </c>
      <c r="F65" s="4" t="s">
        <v>155</v>
      </c>
      <c r="G65" s="4" t="s">
        <v>165</v>
      </c>
    </row>
    <row r="66" spans="1:7" x14ac:dyDescent="0.4">
      <c r="A66" s="3">
        <v>65</v>
      </c>
      <c r="B66" s="3" t="s">
        <v>170</v>
      </c>
      <c r="C66" s="4">
        <v>184</v>
      </c>
      <c r="D66" s="4" t="s">
        <v>171</v>
      </c>
      <c r="E66" s="4" t="s">
        <v>154</v>
      </c>
      <c r="F66" s="4" t="s">
        <v>155</v>
      </c>
      <c r="G66" s="4" t="s">
        <v>165</v>
      </c>
    </row>
    <row r="67" spans="1:7" x14ac:dyDescent="0.4">
      <c r="A67" s="3">
        <v>66</v>
      </c>
      <c r="B67" s="3" t="s">
        <v>172</v>
      </c>
      <c r="C67" s="4">
        <v>187</v>
      </c>
      <c r="D67" s="4" t="s">
        <v>173</v>
      </c>
      <c r="E67" s="4" t="s">
        <v>154</v>
      </c>
      <c r="F67" s="4" t="s">
        <v>155</v>
      </c>
      <c r="G67" s="4" t="s">
        <v>165</v>
      </c>
    </row>
    <row r="68" spans="1:7" x14ac:dyDescent="0.4">
      <c r="A68" s="3">
        <v>67</v>
      </c>
      <c r="B68" s="3" t="s">
        <v>174</v>
      </c>
      <c r="C68" s="4">
        <v>188</v>
      </c>
      <c r="D68" s="4" t="s">
        <v>175</v>
      </c>
      <c r="E68" s="4" t="s">
        <v>154</v>
      </c>
      <c r="F68" s="4" t="s">
        <v>155</v>
      </c>
      <c r="G68" s="4" t="s">
        <v>165</v>
      </c>
    </row>
    <row r="69" spans="1:7" x14ac:dyDescent="0.4">
      <c r="A69" s="3">
        <v>68</v>
      </c>
      <c r="B69" s="3" t="s">
        <v>176</v>
      </c>
      <c r="C69" s="4">
        <v>189</v>
      </c>
      <c r="D69" s="4" t="s">
        <v>177</v>
      </c>
      <c r="E69" s="4" t="s">
        <v>154</v>
      </c>
      <c r="F69" s="4" t="s">
        <v>155</v>
      </c>
      <c r="G69" s="4" t="s">
        <v>165</v>
      </c>
    </row>
    <row r="70" spans="1:7" x14ac:dyDescent="0.4">
      <c r="A70" s="3">
        <v>69</v>
      </c>
      <c r="B70" s="3" t="s">
        <v>178</v>
      </c>
      <c r="C70" s="4">
        <v>190</v>
      </c>
      <c r="D70" s="4" t="s">
        <v>179</v>
      </c>
      <c r="E70" s="4" t="s">
        <v>154</v>
      </c>
      <c r="F70" s="4" t="s">
        <v>155</v>
      </c>
      <c r="G70" s="4" t="s">
        <v>165</v>
      </c>
    </row>
    <row r="71" spans="1:7" x14ac:dyDescent="0.4">
      <c r="A71" s="3">
        <v>70</v>
      </c>
      <c r="B71" s="3" t="s">
        <v>180</v>
      </c>
      <c r="C71" s="4">
        <v>191</v>
      </c>
      <c r="D71" s="4" t="s">
        <v>181</v>
      </c>
      <c r="E71" s="4" t="s">
        <v>154</v>
      </c>
      <c r="F71" s="4" t="s">
        <v>155</v>
      </c>
      <c r="G71" s="4" t="s">
        <v>165</v>
      </c>
    </row>
    <row r="72" spans="1:7" x14ac:dyDescent="0.4">
      <c r="A72" s="3">
        <v>71</v>
      </c>
      <c r="B72" s="3" t="s">
        <v>182</v>
      </c>
      <c r="C72" s="4">
        <v>192</v>
      </c>
      <c r="D72" s="4" t="s">
        <v>183</v>
      </c>
      <c r="E72" s="4" t="s">
        <v>154</v>
      </c>
      <c r="F72" s="4" t="s">
        <v>155</v>
      </c>
      <c r="G72" s="4" t="s">
        <v>165</v>
      </c>
    </row>
    <row r="73" spans="1:7" x14ac:dyDescent="0.4">
      <c r="A73" s="3">
        <v>72</v>
      </c>
      <c r="B73" s="3" t="s">
        <v>184</v>
      </c>
      <c r="C73" s="4">
        <v>193</v>
      </c>
      <c r="D73" s="4" t="s">
        <v>185</v>
      </c>
      <c r="E73" s="4" t="s">
        <v>154</v>
      </c>
      <c r="F73" s="4" t="s">
        <v>155</v>
      </c>
      <c r="G73" s="4" t="s">
        <v>165</v>
      </c>
    </row>
    <row r="74" spans="1:7" x14ac:dyDescent="0.4">
      <c r="A74" s="3">
        <v>73</v>
      </c>
      <c r="B74" s="3" t="s">
        <v>186</v>
      </c>
      <c r="C74" s="4">
        <v>194</v>
      </c>
      <c r="D74" s="4" t="s">
        <v>187</v>
      </c>
      <c r="E74" s="4" t="s">
        <v>154</v>
      </c>
      <c r="F74" s="4" t="s">
        <v>155</v>
      </c>
      <c r="G74" s="4" t="s">
        <v>165</v>
      </c>
    </row>
    <row r="75" spans="1:7" x14ac:dyDescent="0.4">
      <c r="A75" s="3">
        <v>74</v>
      </c>
      <c r="B75" s="3" t="s">
        <v>188</v>
      </c>
      <c r="C75" s="4">
        <v>207</v>
      </c>
      <c r="D75" s="4" t="s">
        <v>189</v>
      </c>
      <c r="E75" s="4" t="s">
        <v>154</v>
      </c>
      <c r="F75" s="4" t="s">
        <v>190</v>
      </c>
      <c r="G75" s="4" t="s">
        <v>11</v>
      </c>
    </row>
    <row r="76" spans="1:7" x14ac:dyDescent="0.4">
      <c r="A76" s="3">
        <v>75</v>
      </c>
      <c r="B76" s="3" t="s">
        <v>191</v>
      </c>
      <c r="C76" s="4">
        <v>211</v>
      </c>
      <c r="D76" s="4" t="s">
        <v>192</v>
      </c>
      <c r="E76" s="4" t="s">
        <v>154</v>
      </c>
      <c r="F76" s="4" t="s">
        <v>190</v>
      </c>
      <c r="G76" s="4" t="s">
        <v>11</v>
      </c>
    </row>
    <row r="77" spans="1:7" x14ac:dyDescent="0.4">
      <c r="A77" s="3">
        <v>76</v>
      </c>
      <c r="B77" s="3" t="s">
        <v>193</v>
      </c>
      <c r="C77" s="4">
        <v>212</v>
      </c>
      <c r="D77" s="4" t="s">
        <v>194</v>
      </c>
      <c r="E77" s="4" t="s">
        <v>154</v>
      </c>
      <c r="F77" s="4" t="s">
        <v>190</v>
      </c>
      <c r="G77" s="4" t="s">
        <v>11</v>
      </c>
    </row>
    <row r="78" spans="1:7" x14ac:dyDescent="0.4">
      <c r="A78" s="3">
        <v>77</v>
      </c>
      <c r="B78" s="3" t="s">
        <v>195</v>
      </c>
      <c r="C78" s="4">
        <v>216</v>
      </c>
      <c r="D78" s="4" t="s">
        <v>196</v>
      </c>
      <c r="E78" s="4" t="s">
        <v>154</v>
      </c>
      <c r="F78" s="4" t="s">
        <v>190</v>
      </c>
      <c r="G78" s="4" t="s">
        <v>11</v>
      </c>
    </row>
    <row r="79" spans="1:7" x14ac:dyDescent="0.4">
      <c r="A79" s="3">
        <v>78</v>
      </c>
      <c r="B79" s="3" t="s">
        <v>197</v>
      </c>
      <c r="C79" s="4">
        <v>234</v>
      </c>
      <c r="D79" s="4" t="s">
        <v>198</v>
      </c>
      <c r="E79" s="4" t="s">
        <v>154</v>
      </c>
      <c r="F79" s="4" t="s">
        <v>190</v>
      </c>
      <c r="G79" s="4" t="s">
        <v>11</v>
      </c>
    </row>
    <row r="80" spans="1:7" x14ac:dyDescent="0.4">
      <c r="A80" s="3">
        <v>79</v>
      </c>
      <c r="B80" s="3" t="s">
        <v>199</v>
      </c>
      <c r="C80" s="4">
        <v>235</v>
      </c>
      <c r="D80" s="4" t="s">
        <v>200</v>
      </c>
      <c r="E80" s="4" t="s">
        <v>154</v>
      </c>
      <c r="F80" s="4" t="s">
        <v>190</v>
      </c>
      <c r="G80" s="4" t="s">
        <v>11</v>
      </c>
    </row>
    <row r="81" spans="1:7" x14ac:dyDescent="0.4">
      <c r="A81" s="3">
        <v>80</v>
      </c>
      <c r="B81" s="3" t="s">
        <v>201</v>
      </c>
      <c r="C81" s="4">
        <v>240</v>
      </c>
      <c r="D81" s="4" t="s">
        <v>202</v>
      </c>
      <c r="E81" s="4" t="s">
        <v>154</v>
      </c>
      <c r="F81" s="4" t="s">
        <v>203</v>
      </c>
      <c r="G81" s="4" t="s">
        <v>11</v>
      </c>
    </row>
    <row r="82" spans="1:7" x14ac:dyDescent="0.4">
      <c r="A82" s="3">
        <v>81</v>
      </c>
      <c r="B82" s="3" t="s">
        <v>204</v>
      </c>
      <c r="C82" s="4">
        <v>258</v>
      </c>
      <c r="D82" s="4" t="s">
        <v>205</v>
      </c>
      <c r="E82" s="4" t="s">
        <v>206</v>
      </c>
      <c r="F82" s="4" t="s">
        <v>207</v>
      </c>
      <c r="G82" s="4" t="s">
        <v>11</v>
      </c>
    </row>
    <row r="83" spans="1:7" x14ac:dyDescent="0.4">
      <c r="A83" s="3">
        <v>82</v>
      </c>
      <c r="B83" s="3" t="s">
        <v>208</v>
      </c>
      <c r="C83" s="4">
        <v>266</v>
      </c>
      <c r="D83" s="4" t="s">
        <v>209</v>
      </c>
      <c r="E83" s="4" t="s">
        <v>206</v>
      </c>
      <c r="F83" s="4" t="s">
        <v>207</v>
      </c>
      <c r="G83" s="4" t="s">
        <v>11</v>
      </c>
    </row>
    <row r="84" spans="1:7" x14ac:dyDescent="0.4">
      <c r="A84" s="3">
        <v>83</v>
      </c>
      <c r="B84" s="3" t="s">
        <v>210</v>
      </c>
      <c r="C84" s="4">
        <v>281</v>
      </c>
      <c r="D84" s="4" t="s">
        <v>211</v>
      </c>
      <c r="E84" s="4" t="s">
        <v>212</v>
      </c>
      <c r="F84" s="4" t="s">
        <v>213</v>
      </c>
      <c r="G84" s="4" t="s">
        <v>11</v>
      </c>
    </row>
    <row r="85" spans="1:7" x14ac:dyDescent="0.4">
      <c r="A85" s="3">
        <v>84</v>
      </c>
      <c r="B85" s="3" t="s">
        <v>214</v>
      </c>
      <c r="C85" s="4">
        <v>282</v>
      </c>
      <c r="D85" s="4" t="s">
        <v>215</v>
      </c>
      <c r="E85" s="4" t="s">
        <v>212</v>
      </c>
      <c r="F85" s="4" t="s">
        <v>213</v>
      </c>
      <c r="G85" s="4" t="s">
        <v>11</v>
      </c>
    </row>
    <row r="86" spans="1:7" x14ac:dyDescent="0.4">
      <c r="A86" s="3">
        <v>85</v>
      </c>
      <c r="B86" s="3" t="s">
        <v>216</v>
      </c>
      <c r="C86" s="4">
        <v>283</v>
      </c>
      <c r="D86" s="4" t="s">
        <v>217</v>
      </c>
      <c r="E86" s="4" t="s">
        <v>212</v>
      </c>
      <c r="F86" s="4" t="s">
        <v>213</v>
      </c>
      <c r="G86" s="4" t="s">
        <v>11</v>
      </c>
    </row>
    <row r="87" spans="1:7" x14ac:dyDescent="0.4">
      <c r="A87" s="3">
        <v>86</v>
      </c>
      <c r="B87" s="3" t="s">
        <v>218</v>
      </c>
      <c r="C87" s="4">
        <v>284</v>
      </c>
      <c r="D87" s="4" t="s">
        <v>219</v>
      </c>
      <c r="E87" s="4" t="s">
        <v>212</v>
      </c>
      <c r="F87" s="4" t="s">
        <v>213</v>
      </c>
      <c r="G87" s="4" t="s">
        <v>11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pdf-file-list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3-05-11T23:54:29Z</dcterms:created>
  <dcterms:modified xsi:type="dcterms:W3CDTF">2023-05-11T23:54:30Z</dcterms:modified>
</cp:coreProperties>
</file>